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0395"/>
  <workbookPr showInkAnnotation="0" autoCompressPictures="0"/>
  <mc:AlternateContent xmlns:mc="http://schemas.openxmlformats.org/markup-compatibility/2006">
    <mc:Choice Requires="x15">
      <x15ac:absPath xmlns:x15ac="http://schemas.microsoft.com/office/spreadsheetml/2010/11/ac" url="C:\Users\s00590016\Downloads\"/>
    </mc:Choice>
  </mc:AlternateContent>
  <xr:revisionPtr revIDLastSave="0" documentId="13_ncr:1_{A150C78A-4044-49B6-A420-55F76FA5D0C1}" xr6:coauthVersionLast="36" xr6:coauthVersionMax="36" xr10:uidLastSave="{00000000-0000-0000-0000-000000000000}"/>
  <bookViews>
    <workbookView xWindow="0" yWindow="0" windowWidth="28800" windowHeight="14028" tabRatio="500" xr2:uid="{00000000-000D-0000-FFFF-FFFF00000000}"/>
  </bookViews>
  <sheets>
    <sheet name="ResignationRetirement-Checklist" sheetId="1" r:id="rId1"/>
    <sheet name="- Disclaimer -" sheetId="2" r:id="rId2"/>
  </sheets>
  <calcPr calcId="162913"/>
  <extLst>
    <ext xmlns:mx="http://schemas.microsoft.com/office/mac/excel/2008/main" uri="{7523E5D3-25F3-A5E0-1632-64F254C22452}">
      <mx:ArchID Flags="2"/>
    </ext>
  </extLst>
</workbook>
</file>

<file path=xl/sharedStrings.xml><?xml version="1.0" encoding="utf-8"?>
<sst xmlns="http://schemas.openxmlformats.org/spreadsheetml/2006/main" count="60" uniqueCount="39">
  <si>
    <t>HUMAN RESOURCES</t>
  </si>
  <si>
    <t xml:space="preserve">Any articles, templates, or information provided by Smartsheet on the website are for reference only. While we strive to keep the information up to date and correct, we make no representations or warranties of any kind, express or implied, about the completeness, accuracy, reliability, suitability, or availability with respect to the website or the information, articles, templates, or related graphics contained on the website. Any reliance you place on such information is therefore strictly at your own risk. </t>
  </si>
  <si>
    <t>Resignation/Retirement Checklist</t>
  </si>
  <si>
    <t>Employee Name:</t>
  </si>
  <si>
    <t xml:space="preserve">Banner ID: 100 </t>
  </si>
  <si>
    <t>Deparment/Faculty:</t>
  </si>
  <si>
    <t xml:space="preserve">Check one: </t>
  </si>
  <si>
    <t>Effective Date:</t>
  </si>
  <si>
    <t>Action Items</t>
  </si>
  <si>
    <t>Primary Responsibility</t>
  </si>
  <si>
    <t>Date Completed</t>
  </si>
  <si>
    <t>Human Resources</t>
  </si>
  <si>
    <t>Department/Faculty</t>
  </si>
  <si>
    <r>
      <rPr>
        <b/>
        <sz val="10"/>
        <color theme="1"/>
        <rFont val="Arial"/>
        <family val="2"/>
      </rPr>
      <t xml:space="preserve"> 4. </t>
    </r>
    <r>
      <rPr>
        <sz val="10"/>
        <color theme="1"/>
        <rFont val="Arial"/>
        <family val="2"/>
      </rPr>
      <t xml:space="preserve">  Consult with IT Services regarding the following:
- cancel account(s)/deactivation
- change telephone message and access if required
- change email to redirect enquiries to another employee if required
- request list of employee assets</t>
    </r>
  </si>
  <si>
    <r>
      <rPr>
        <b/>
        <sz val="10"/>
        <color theme="1"/>
        <rFont val="Arial"/>
        <family val="2"/>
      </rPr>
      <t xml:space="preserve"> 3.</t>
    </r>
    <r>
      <rPr>
        <sz val="10"/>
        <color theme="1"/>
        <rFont val="Arial"/>
        <family val="2"/>
      </rPr>
      <t xml:space="preserve">	 Collect assistive device aids and/or software, office equipment etc that may have been purchased for employee as part of an accommodation. </t>
    </r>
  </si>
  <si>
    <r>
      <rPr>
        <b/>
        <sz val="10"/>
        <color theme="1"/>
        <rFont val="Arial"/>
        <family val="2"/>
      </rPr>
      <t xml:space="preserve"> 5.</t>
    </r>
    <r>
      <rPr>
        <sz val="10"/>
        <color theme="1"/>
        <rFont val="Arial"/>
        <family val="2"/>
      </rPr>
      <t xml:space="preserve">  Computer: I.T. issued assets from employee are returned to I.T. Services: 
   - laptop
   - other</t>
    </r>
  </si>
  <si>
    <r>
      <rPr>
        <b/>
        <sz val="10"/>
        <color theme="1"/>
        <rFont val="Arial"/>
        <family val="2"/>
      </rPr>
      <t xml:space="preserve"> 1.</t>
    </r>
    <r>
      <rPr>
        <sz val="10"/>
        <color theme="1"/>
        <rFont val="Arial"/>
        <family val="2"/>
      </rPr>
      <t xml:space="preserve">	 Forward letter of resignation to Recruitment &amp; Compensation Specialist</t>
    </r>
  </si>
  <si>
    <r>
      <rPr>
        <b/>
        <sz val="10"/>
        <color theme="1"/>
        <rFont val="Arial"/>
        <family val="2"/>
      </rPr>
      <t xml:space="preserve"> 2.</t>
    </r>
    <r>
      <rPr>
        <sz val="10"/>
        <color theme="1"/>
        <rFont val="Arial"/>
        <family val="2"/>
      </rPr>
      <t xml:space="preserve">	 Inform Parking (parking@dc-uoit.ca) by email of employee departure (full time employees only) and copy Payroll (payroll@ontariotechu.ca).</t>
    </r>
  </si>
  <si>
    <t>PAYROLL</t>
  </si>
  <si>
    <t>Employee</t>
  </si>
  <si>
    <t>Payroll</t>
  </si>
  <si>
    <r>
      <rPr>
        <b/>
        <sz val="10"/>
        <color theme="1"/>
        <rFont val="Arial"/>
        <family val="2"/>
      </rPr>
      <t xml:space="preserve"> 6. </t>
    </r>
    <r>
      <rPr>
        <sz val="10"/>
        <color theme="1"/>
        <rFont val="Arial"/>
        <family val="2"/>
      </rPr>
      <t>Directory - contact directory@ontariotechu.ca to have employee removed from the online directory.</t>
    </r>
  </si>
  <si>
    <r>
      <rPr>
        <b/>
        <sz val="10"/>
        <color theme="1"/>
        <rFont val="Arial"/>
        <family val="2"/>
      </rPr>
      <t xml:space="preserve"> 7.</t>
    </r>
    <r>
      <rPr>
        <sz val="10"/>
        <color theme="1"/>
        <rFont val="Arial"/>
        <family val="2"/>
      </rPr>
      <t xml:space="preserve"> Cell Phone  - Obtain the cell phone from the employee
Email IT service desk servicedesk@dc-uoit.ca to notify the phone is no longer in use 
Hand in phone to the IT Service Desk
If the phone is being transferred to an incoming replacement employee, report change to IT service desk. 
Email Finance finops@ontariotechu.ca inform them of the change. For both handing in the phone or transfering it to another employee</t>
    </r>
  </si>
  <si>
    <r>
      <rPr>
        <b/>
        <sz val="10"/>
        <color theme="1"/>
        <rFont val="Arial"/>
        <family val="2"/>
      </rPr>
      <t xml:space="preserve"> 8. </t>
    </r>
    <r>
      <rPr>
        <sz val="10"/>
        <color theme="1"/>
        <rFont val="Arial"/>
        <family val="2"/>
      </rPr>
      <t xml:space="preserve">	Arrange to have department/faculty owned assets returned from the employee.</t>
    </r>
  </si>
  <si>
    <r>
      <rPr>
        <b/>
        <sz val="10"/>
        <color theme="1"/>
        <rFont val="Arial"/>
        <family val="2"/>
      </rPr>
      <t xml:space="preserve"> 9. </t>
    </r>
    <r>
      <rPr>
        <sz val="10"/>
        <color theme="1"/>
        <rFont val="Arial"/>
        <family val="2"/>
      </rPr>
      <t xml:space="preserve">	Key and ID/Access Card Return:
-Request list of keys that have been assigned to employee from Facilities by emailing helpdesk@ontariotechu.ca  
-Arrange to have keys and photo ID/access card returned from employee and request that photo ID/acess card be deactivated by contacting OCISBuildingOps@ontariotechu.ca 
- Arrange to have keys to Facilities – UAB441 
- Arrange to have Access Cards returned to 
  OCIS, House #22 – Attention: Patty Spiliotis</t>
    </r>
  </si>
  <si>
    <r>
      <rPr>
        <b/>
        <sz val="10"/>
        <color theme="1"/>
        <rFont val="Arial"/>
        <family val="2"/>
      </rPr>
      <t xml:space="preserve"> 10. </t>
    </r>
    <r>
      <rPr>
        <sz val="10"/>
        <color theme="1"/>
        <rFont val="Arial"/>
        <family val="2"/>
      </rPr>
      <t xml:space="preserve">	Ontario Tech Credit Card:
- notify Finance finops@ontariotechu.ca and Purchasing  purchasing@dc-uoit.ca of employee’s departure date as soon as possible to cancel the credit card account
- Arrange to have employee return credit card from employee
- obtain outstanding receipts from employee
- forward credit card and receipts to Finance</t>
    </r>
  </si>
  <si>
    <r>
      <rPr>
        <b/>
        <sz val="10"/>
        <color theme="1"/>
        <rFont val="Arial"/>
        <family val="2"/>
      </rPr>
      <t xml:space="preserve"> 11. </t>
    </r>
    <r>
      <rPr>
        <sz val="10"/>
        <color theme="1"/>
        <rFont val="Arial"/>
        <family val="2"/>
      </rPr>
      <t xml:space="preserve">	Consult with the Office of Research Services regarding the following, if applicable (faculty only):
- research funding (e.g. grants, awards, contracts)
- intellectual property matters (e.g. patents, licenses, etc.)
- equipment, materials and/or supplies
- ethics (human, animal)
- health and safety (e.g. radiation, biosafety, lasers)
- research personnel (e.g. students, technicians, Post Docs or other paid positions/contracts)</t>
    </r>
  </si>
  <si>
    <r>
      <rPr>
        <b/>
        <sz val="10"/>
        <color theme="1"/>
        <rFont val="Arial"/>
        <family val="2"/>
      </rPr>
      <t xml:space="preserve"> 12. </t>
    </r>
    <r>
      <rPr>
        <sz val="10"/>
        <color theme="1"/>
        <rFont val="Arial"/>
        <family val="2"/>
      </rPr>
      <t xml:space="preserve">	Consult with Office of Graduate Studies regarding the following, if applicable:
- determine existing TA or RA commitments employee has with students (full time continuing faculty only)
- remove access to admissions portal
- removing graduate faculty status
- complete “Change of Supervisor Form” to ensure supervision and financial support for graduate students is provided for</t>
    </r>
  </si>
  <si>
    <r>
      <rPr>
        <b/>
        <sz val="10"/>
        <color theme="1"/>
        <rFont val="Arial"/>
        <family val="2"/>
      </rPr>
      <t xml:space="preserve"> 13. </t>
    </r>
    <r>
      <rPr>
        <sz val="10"/>
        <color theme="1"/>
        <rFont val="Arial"/>
        <family val="2"/>
      </rPr>
      <t xml:space="preserve">	Notify Library of employee departure by emailing library@dc-uoit.ca </t>
    </r>
  </si>
  <si>
    <r>
      <rPr>
        <b/>
        <sz val="10"/>
        <color theme="1"/>
        <rFont val="Arial"/>
        <family val="2"/>
      </rPr>
      <t xml:space="preserve"> 14. </t>
    </r>
    <r>
      <rPr>
        <sz val="10"/>
        <color theme="1"/>
        <rFont val="Arial"/>
        <family val="2"/>
      </rPr>
      <t xml:space="preserve">	Notify staff and colleagues of employee departure if applicable (draft communication provided by HR 
if applicable).</t>
    </r>
  </si>
  <si>
    <r>
      <rPr>
        <b/>
        <sz val="10"/>
        <color theme="1"/>
        <rFont val="Arial"/>
        <family val="2"/>
      </rPr>
      <t xml:space="preserve"> 15. </t>
    </r>
    <r>
      <rPr>
        <sz val="10"/>
        <color theme="1"/>
        <rFont val="Arial"/>
        <family val="2"/>
      </rPr>
      <t xml:space="preserve">	Other considerations where applicable (add/subtract items):
- magazine subscription cancellations/changes
- cancellation of memberships
- removal of employee name and contact information from   departmental/faculty websites</t>
    </r>
  </si>
  <si>
    <r>
      <rPr>
        <b/>
        <sz val="10"/>
        <color theme="1"/>
        <rFont val="Arial"/>
        <family val="2"/>
      </rPr>
      <t xml:space="preserve"> 16. </t>
    </r>
    <r>
      <rPr>
        <sz val="10"/>
        <color theme="1"/>
        <rFont val="Arial"/>
        <family val="2"/>
      </rPr>
      <t xml:space="preserve">	Confirm lieu time and vacation owing.</t>
    </r>
  </si>
  <si>
    <r>
      <rPr>
        <b/>
        <sz val="10"/>
        <color theme="1"/>
        <rFont val="Arial"/>
        <family val="2"/>
      </rPr>
      <t xml:space="preserve"> 17. </t>
    </r>
    <r>
      <rPr>
        <sz val="10"/>
        <color theme="1"/>
        <rFont val="Arial"/>
        <family val="2"/>
      </rPr>
      <t xml:space="preserve">	Provide final pension and benefits notice to Sunlife.</t>
    </r>
  </si>
  <si>
    <r>
      <rPr>
        <b/>
        <sz val="10"/>
        <color theme="1"/>
        <rFont val="Arial"/>
        <family val="2"/>
      </rPr>
      <t xml:space="preserve"> 18. </t>
    </r>
    <r>
      <rPr>
        <sz val="10"/>
        <color theme="1"/>
        <rFont val="Arial"/>
        <family val="2"/>
      </rPr>
      <t xml:space="preserve">	Provide employee with final Pension and Benefits Departure Summary.</t>
    </r>
  </si>
  <si>
    <r>
      <rPr>
        <b/>
        <sz val="10"/>
        <color theme="1"/>
        <rFont val="Arial"/>
        <family val="2"/>
      </rPr>
      <t xml:space="preserve"> 19. </t>
    </r>
    <r>
      <rPr>
        <sz val="10"/>
        <color theme="1"/>
        <rFont val="Arial"/>
        <family val="2"/>
      </rPr>
      <t xml:space="preserve">	Schedule Exit Interview with employee (if applicable).</t>
    </r>
  </si>
  <si>
    <r>
      <rPr>
        <b/>
        <sz val="10"/>
        <color theme="1"/>
        <rFont val="Arial"/>
        <family val="2"/>
      </rPr>
      <t xml:space="preserve"> 20. </t>
    </r>
    <r>
      <rPr>
        <sz val="10"/>
        <color theme="1"/>
        <rFont val="Arial"/>
        <family val="2"/>
      </rPr>
      <t xml:space="preserve">	Update HRIS/Banner.</t>
    </r>
  </si>
  <si>
    <r>
      <rPr>
        <b/>
        <sz val="10"/>
        <color theme="1"/>
        <rFont val="Arial"/>
        <family val="2"/>
      </rPr>
      <t xml:space="preserve"> 21.</t>
    </r>
    <r>
      <rPr>
        <sz val="10"/>
        <color theme="1"/>
        <rFont val="Arial"/>
        <family val="2"/>
      </rPr>
      <t xml:space="preserve"> 	Prepare final pay.</t>
    </r>
  </si>
  <si>
    <r>
      <rPr>
        <b/>
        <sz val="10"/>
        <color theme="1"/>
        <rFont val="Arial"/>
        <family val="2"/>
      </rPr>
      <t xml:space="preserve"> 22.</t>
    </r>
    <r>
      <rPr>
        <sz val="10"/>
        <color theme="1"/>
        <rFont val="Arial"/>
        <family val="2"/>
      </rPr>
      <t xml:space="preserve">	 Prepare Record of Employment.</t>
    </r>
  </si>
  <si>
    <r>
      <t xml:space="preserve"> 23. </t>
    </r>
    <r>
      <rPr>
        <sz val="10"/>
        <color theme="1"/>
        <rFont val="Arial"/>
        <family val="2"/>
      </rPr>
      <t xml:space="preserve">Return parking tag to Parking Office. </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3" x14ac:knownFonts="1">
    <font>
      <sz val="12"/>
      <color theme="1"/>
      <name val="Calibri"/>
      <family val="2"/>
      <scheme val="minor"/>
    </font>
    <font>
      <sz val="11"/>
      <color theme="1"/>
      <name val="Calibri"/>
      <family val="2"/>
      <scheme val="minor"/>
    </font>
    <font>
      <b/>
      <sz val="22"/>
      <color theme="3"/>
      <name val="Calibri"/>
      <family val="2"/>
      <scheme val="minor"/>
    </font>
    <font>
      <b/>
      <sz val="10"/>
      <color theme="0"/>
      <name val="Arial"/>
      <family val="2"/>
    </font>
    <font>
      <sz val="10"/>
      <color theme="1"/>
      <name val="Arial"/>
      <family val="2"/>
    </font>
    <font>
      <sz val="16"/>
      <color theme="1"/>
      <name val="Arial"/>
      <family val="2"/>
    </font>
    <font>
      <sz val="12"/>
      <color theme="1"/>
      <name val="Arial"/>
      <family val="2"/>
    </font>
    <font>
      <b/>
      <sz val="22"/>
      <name val="Arial"/>
      <family val="2"/>
    </font>
    <font>
      <sz val="10"/>
      <color theme="0"/>
      <name val="Arial"/>
      <family val="2"/>
    </font>
    <font>
      <b/>
      <sz val="14"/>
      <name val="Arial"/>
      <family val="2"/>
    </font>
    <font>
      <sz val="8"/>
      <color rgb="FF000000"/>
      <name val="Segoe UI"/>
      <family val="2"/>
    </font>
    <font>
      <b/>
      <sz val="10"/>
      <color theme="1"/>
      <name val="Arial"/>
      <family val="2"/>
    </font>
    <font>
      <b/>
      <sz val="16"/>
      <color theme="0"/>
      <name val="Arial"/>
      <family val="2"/>
    </font>
  </fonts>
  <fills count="7">
    <fill>
      <patternFill patternType="none"/>
    </fill>
    <fill>
      <patternFill patternType="gray125"/>
    </fill>
    <fill>
      <patternFill patternType="solid">
        <fgColor theme="0"/>
        <bgColor indexed="64"/>
      </patternFill>
    </fill>
    <fill>
      <patternFill patternType="solid">
        <fgColor theme="4" tint="0.79998168889431442"/>
        <bgColor indexed="64"/>
      </patternFill>
    </fill>
    <fill>
      <patternFill patternType="solid">
        <fgColor theme="4" tint="-0.249977111117893"/>
        <bgColor indexed="64"/>
      </patternFill>
    </fill>
    <fill>
      <patternFill patternType="solid">
        <fgColor rgb="FF11097D"/>
        <bgColor indexed="64"/>
      </patternFill>
    </fill>
    <fill>
      <patternFill patternType="solid">
        <fgColor rgb="FFE0642C"/>
        <bgColor indexed="64"/>
      </patternFill>
    </fill>
  </fills>
  <borders count="16">
    <border>
      <left/>
      <right/>
      <top/>
      <bottom/>
      <diagonal/>
    </border>
    <border>
      <left style="thin">
        <color theme="0" tint="-0.34998626667073579"/>
      </left>
      <right style="thin">
        <color theme="0" tint="-0.34998626667073579"/>
      </right>
      <top style="thin">
        <color theme="0" tint="-0.34998626667073579"/>
      </top>
      <bottom style="thin">
        <color theme="0" tint="-0.34998626667073579"/>
      </bottom>
      <diagonal/>
    </border>
    <border>
      <left style="thin">
        <color theme="0" tint="-0.34998626667073579"/>
      </left>
      <right/>
      <top style="thin">
        <color theme="0" tint="-0.34998626667073579"/>
      </top>
      <bottom style="thin">
        <color theme="0" tint="-0.34998626667073579"/>
      </bottom>
      <diagonal/>
    </border>
    <border>
      <left/>
      <right style="thin">
        <color theme="0" tint="-0.34998626667073579"/>
      </right>
      <top style="thin">
        <color theme="0" tint="-0.34998626667073579"/>
      </top>
      <bottom style="thin">
        <color theme="0" tint="-0.34998626667073579"/>
      </bottom>
      <diagonal/>
    </border>
    <border>
      <left style="thin">
        <color theme="0" tint="-0.34998626667073579"/>
      </left>
      <right/>
      <top/>
      <bottom style="thin">
        <color theme="0" tint="-0.34998626667073579"/>
      </bottom>
      <diagonal/>
    </border>
    <border>
      <left/>
      <right/>
      <top/>
      <bottom style="thin">
        <color theme="0" tint="-0.34998626667073579"/>
      </bottom>
      <diagonal/>
    </border>
    <border>
      <left style="medium">
        <color theme="0" tint="-0.34998626667073579"/>
      </left>
      <right style="thin">
        <color theme="0" tint="-0.34998626667073579"/>
      </right>
      <top style="thin">
        <color theme="0" tint="-0.34998626667073579"/>
      </top>
      <bottom style="thin">
        <color theme="0" tint="-0.34998626667073579"/>
      </bottom>
      <diagonal/>
    </border>
    <border>
      <left style="medium">
        <color theme="0" tint="-0.34998626667073579"/>
      </left>
      <right/>
      <top style="medium">
        <color theme="0" tint="-0.34998626667073579"/>
      </top>
      <bottom/>
      <diagonal/>
    </border>
    <border>
      <left/>
      <right/>
      <top style="medium">
        <color theme="0" tint="-0.34998626667073579"/>
      </top>
      <bottom/>
      <diagonal/>
    </border>
    <border>
      <left style="medium">
        <color theme="0" tint="-0.34998626667073579"/>
      </left>
      <right/>
      <top/>
      <bottom style="thin">
        <color theme="0" tint="-0.34998626667073579"/>
      </bottom>
      <diagonal/>
    </border>
    <border>
      <left style="thin">
        <color theme="0" tint="-0.34998626667073579"/>
      </left>
      <right style="thin">
        <color theme="0" tint="-0.34998626667073579"/>
      </right>
      <top style="medium">
        <color theme="0" tint="-0.34998626667073579"/>
      </top>
      <bottom style="thin">
        <color theme="0" tint="-0.34998626667073579"/>
      </bottom>
      <diagonal/>
    </border>
    <border>
      <left style="medium">
        <color theme="0" tint="-0.34998626667073579"/>
      </left>
      <right/>
      <top style="thin">
        <color theme="0" tint="-0.34998626667073579"/>
      </top>
      <bottom style="thin">
        <color theme="0" tint="-0.34998626667073579"/>
      </bottom>
      <diagonal/>
    </border>
    <border>
      <left style="thin">
        <color theme="0" tint="-0.34998626667073579"/>
      </left>
      <right/>
      <top style="medium">
        <color theme="0" tint="-0.34998626667073579"/>
      </top>
      <bottom/>
      <diagonal/>
    </border>
    <border>
      <left style="thick">
        <color theme="0" tint="-0.34998626667073579"/>
      </left>
      <right/>
      <top/>
      <bottom/>
      <diagonal/>
    </border>
    <border>
      <left/>
      <right/>
      <top style="thin">
        <color theme="0" tint="-0.34998626667073579"/>
      </top>
      <bottom style="thin">
        <color theme="0" tint="-0.34998626667073579"/>
      </bottom>
      <diagonal/>
    </border>
    <border>
      <left style="thin">
        <color indexed="64"/>
      </left>
      <right style="thin">
        <color indexed="64"/>
      </right>
      <top style="thin">
        <color indexed="64"/>
      </top>
      <bottom style="thin">
        <color indexed="64"/>
      </bottom>
      <diagonal/>
    </border>
  </borders>
  <cellStyleXfs count="2">
    <xf numFmtId="0" fontId="0" fillId="0" borderId="0"/>
    <xf numFmtId="0" fontId="1" fillId="0" borderId="0"/>
  </cellStyleXfs>
  <cellXfs count="46">
    <xf numFmtId="0" fontId="0" fillId="0" borderId="0" xfId="0"/>
    <xf numFmtId="0" fontId="0" fillId="0" borderId="0" xfId="0" applyAlignment="1">
      <alignment wrapText="1"/>
    </xf>
    <xf numFmtId="0" fontId="0" fillId="0" borderId="0" xfId="0" applyFont="1"/>
    <xf numFmtId="0" fontId="0" fillId="0" borderId="0" xfId="0" applyFont="1" applyAlignment="1">
      <alignment horizontal="center"/>
    </xf>
    <xf numFmtId="0" fontId="5" fillId="0" borderId="0" xfId="0" applyFont="1"/>
    <xf numFmtId="0" fontId="2" fillId="2" borderId="0" xfId="0" applyFont="1" applyFill="1" applyBorder="1" applyAlignment="1">
      <alignment horizontal="left" wrapText="1"/>
    </xf>
    <xf numFmtId="0" fontId="0" fillId="2" borderId="0" xfId="0" applyFill="1" applyBorder="1" applyAlignment="1">
      <alignment wrapText="1"/>
    </xf>
    <xf numFmtId="0" fontId="0" fillId="0" borderId="0" xfId="0" applyBorder="1"/>
    <xf numFmtId="0" fontId="4" fillId="3" borderId="2" xfId="0" applyFont="1" applyFill="1" applyBorder="1" applyAlignment="1">
      <alignment horizontal="center" vertical="center" wrapText="1"/>
    </xf>
    <xf numFmtId="0" fontId="4" fillId="3" borderId="1" xfId="0" applyFont="1" applyFill="1" applyBorder="1" applyAlignment="1">
      <alignment horizontal="center" vertical="center" wrapText="1"/>
    </xf>
    <xf numFmtId="0" fontId="3" fillId="4" borderId="2" xfId="0" applyFont="1" applyFill="1" applyBorder="1" applyAlignment="1">
      <alignment horizontal="center" vertical="center" wrapText="1"/>
    </xf>
    <xf numFmtId="0" fontId="6" fillId="0" borderId="13" xfId="1" applyFont="1" applyBorder="1" applyAlignment="1">
      <alignment horizontal="left" vertical="center" wrapText="1" indent="2"/>
    </xf>
    <xf numFmtId="0" fontId="1" fillId="0" borderId="0" xfId="1"/>
    <xf numFmtId="0" fontId="4" fillId="3" borderId="14" xfId="0" applyFont="1" applyFill="1" applyBorder="1" applyAlignment="1">
      <alignment horizontal="left" vertical="center" wrapText="1" indent="1"/>
    </xf>
    <xf numFmtId="0" fontId="4" fillId="3" borderId="3" xfId="0" applyFont="1" applyFill="1" applyBorder="1" applyAlignment="1">
      <alignment vertical="center" wrapText="1"/>
    </xf>
    <xf numFmtId="0" fontId="3" fillId="6" borderId="1" xfId="0" applyFont="1" applyFill="1" applyBorder="1" applyAlignment="1">
      <alignment horizontal="center" vertical="center" wrapText="1"/>
    </xf>
    <xf numFmtId="0" fontId="3" fillId="6" borderId="2" xfId="0" applyFont="1" applyFill="1" applyBorder="1" applyAlignment="1">
      <alignment horizontal="center" vertical="center" wrapText="1"/>
    </xf>
    <xf numFmtId="0" fontId="8" fillId="4" borderId="1" xfId="0" applyFont="1" applyFill="1" applyBorder="1" applyAlignment="1">
      <alignment horizontal="center" vertical="center" wrapText="1"/>
    </xf>
    <xf numFmtId="0" fontId="4" fillId="4" borderId="1" xfId="0" applyFont="1" applyFill="1" applyBorder="1" applyAlignment="1">
      <alignment horizontal="center" vertical="center" wrapText="1"/>
    </xf>
    <xf numFmtId="0" fontId="4" fillId="6" borderId="1" xfId="0" applyFont="1" applyFill="1" applyBorder="1" applyAlignment="1">
      <alignment horizontal="center" vertical="center" wrapText="1"/>
    </xf>
    <xf numFmtId="0" fontId="7" fillId="0" borderId="0" xfId="0" applyFont="1" applyAlignment="1">
      <alignment horizontal="center" wrapText="1"/>
    </xf>
    <xf numFmtId="0" fontId="4" fillId="3" borderId="11" xfId="0" applyFont="1" applyFill="1" applyBorder="1" applyAlignment="1">
      <alignment horizontal="left" vertical="center" wrapText="1"/>
    </xf>
    <xf numFmtId="0" fontId="4" fillId="3" borderId="11" xfId="0" applyFont="1" applyFill="1" applyBorder="1" applyAlignment="1">
      <alignment horizontal="left" vertical="center"/>
    </xf>
    <xf numFmtId="0" fontId="9" fillId="0" borderId="15" xfId="0" applyFont="1" applyBorder="1" applyAlignment="1">
      <alignment horizontal="left" wrapText="1"/>
    </xf>
    <xf numFmtId="0" fontId="9" fillId="0" borderId="0" xfId="0" applyFont="1" applyBorder="1" applyAlignment="1">
      <alignment horizontal="left" wrapText="1"/>
    </xf>
    <xf numFmtId="0" fontId="4" fillId="3" borderId="11" xfId="0" applyFont="1" applyFill="1" applyBorder="1" applyAlignment="1">
      <alignment horizontal="left" vertical="center" wrapText="1"/>
    </xf>
    <xf numFmtId="0" fontId="4" fillId="3" borderId="11" xfId="0" applyFont="1" applyFill="1" applyBorder="1" applyAlignment="1">
      <alignment horizontal="left" vertical="center" wrapText="1"/>
    </xf>
    <xf numFmtId="0" fontId="4" fillId="3" borderId="3" xfId="0" applyFont="1" applyFill="1" applyBorder="1" applyAlignment="1">
      <alignment horizontal="left" vertical="center" wrapText="1"/>
    </xf>
    <xf numFmtId="0" fontId="4" fillId="3" borderId="6" xfId="0" applyFont="1" applyFill="1" applyBorder="1" applyAlignment="1">
      <alignment horizontal="left" vertical="center" wrapText="1"/>
    </xf>
    <xf numFmtId="0" fontId="4" fillId="3" borderId="2" xfId="0" applyFont="1" applyFill="1" applyBorder="1" applyAlignment="1">
      <alignment horizontal="left" vertical="center" wrapText="1"/>
    </xf>
    <xf numFmtId="0" fontId="3" fillId="5" borderId="7" xfId="0" applyFont="1" applyFill="1" applyBorder="1" applyAlignment="1">
      <alignment horizontal="center" vertical="center" wrapText="1"/>
    </xf>
    <xf numFmtId="0" fontId="3" fillId="5" borderId="8" xfId="0" applyFont="1" applyFill="1" applyBorder="1" applyAlignment="1">
      <alignment horizontal="center" vertical="center" wrapText="1"/>
    </xf>
    <xf numFmtId="0" fontId="3" fillId="5" borderId="9" xfId="0" applyFont="1" applyFill="1" applyBorder="1" applyAlignment="1">
      <alignment horizontal="center" vertical="center" wrapText="1"/>
    </xf>
    <xf numFmtId="0" fontId="3" fillId="5" borderId="5" xfId="0" applyFont="1" applyFill="1" applyBorder="1" applyAlignment="1">
      <alignment horizontal="center" vertical="center" wrapText="1"/>
    </xf>
    <xf numFmtId="0" fontId="3" fillId="5" borderId="10" xfId="0" applyFont="1" applyFill="1" applyBorder="1" applyAlignment="1">
      <alignment horizontal="center" vertical="center" wrapText="1"/>
    </xf>
    <xf numFmtId="0" fontId="3" fillId="5" borderId="1" xfId="0" applyFont="1" applyFill="1" applyBorder="1" applyAlignment="1">
      <alignment horizontal="center" vertical="center" wrapText="1"/>
    </xf>
    <xf numFmtId="0" fontId="3" fillId="5" borderId="12" xfId="0" applyFont="1" applyFill="1" applyBorder="1" applyAlignment="1">
      <alignment horizontal="center" vertical="center" wrapText="1"/>
    </xf>
    <xf numFmtId="0" fontId="3" fillId="5" borderId="4" xfId="0" applyFont="1" applyFill="1" applyBorder="1" applyAlignment="1">
      <alignment horizontal="center" vertical="center" wrapText="1"/>
    </xf>
    <xf numFmtId="0" fontId="7" fillId="0" borderId="0" xfId="0" applyFont="1" applyAlignment="1">
      <alignment horizontal="center" wrapText="1"/>
    </xf>
    <xf numFmtId="0" fontId="12" fillId="4" borderId="6" xfId="0" applyFont="1" applyFill="1" applyBorder="1" applyAlignment="1">
      <alignment horizontal="left" vertical="center" wrapText="1" indent="1"/>
    </xf>
    <xf numFmtId="0" fontId="3" fillId="4" borderId="2" xfId="0" applyFont="1" applyFill="1" applyBorder="1" applyAlignment="1">
      <alignment horizontal="left" vertical="center" wrapText="1" indent="1"/>
    </xf>
    <xf numFmtId="0" fontId="11" fillId="3" borderId="6" xfId="0" applyFont="1" applyFill="1" applyBorder="1" applyAlignment="1">
      <alignment horizontal="left" vertical="center" wrapText="1"/>
    </xf>
    <xf numFmtId="0" fontId="12" fillId="6" borderId="6" xfId="0" applyFont="1" applyFill="1" applyBorder="1" applyAlignment="1">
      <alignment horizontal="left" vertical="center" wrapText="1" indent="1"/>
    </xf>
    <xf numFmtId="0" fontId="3" fillId="6" borderId="2" xfId="0" applyFont="1" applyFill="1" applyBorder="1" applyAlignment="1">
      <alignment horizontal="left" vertical="center" wrapText="1" indent="1"/>
    </xf>
    <xf numFmtId="0" fontId="3" fillId="6" borderId="6" xfId="0" applyFont="1" applyFill="1" applyBorder="1" applyAlignment="1">
      <alignment horizontal="left" vertical="center" wrapText="1" indent="1"/>
    </xf>
    <xf numFmtId="0" fontId="4" fillId="3" borderId="14" xfId="0" applyFont="1" applyFill="1" applyBorder="1" applyAlignment="1">
      <alignment horizontal="left" vertical="center" wrapText="1"/>
    </xf>
  </cellXfs>
  <cellStyles count="2">
    <cellStyle name="Normal" xfId="0" builtinId="0"/>
    <cellStyle name="Normal 2" xfId="1" xr:uid="{00000000-0005-0000-0000-000001000000}"/>
  </cellStyles>
  <dxfs count="0"/>
  <tableStyles count="0" defaultTableStyle="TableStyleMedium9" defaultPivotStyle="PivotStyleMedium4"/>
  <colors>
    <mruColors>
      <color rgb="FFE0642C"/>
      <color rgb="FF11097D"/>
      <color rgb="FF304998"/>
      <color rgb="FF00BD32"/>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1089660</xdr:colOff>
          <xdr:row>3</xdr:row>
          <xdr:rowOff>30480</xdr:rowOff>
        </xdr:from>
        <xdr:to>
          <xdr:col>2</xdr:col>
          <xdr:colOff>2499360</xdr:colOff>
          <xdr:row>4</xdr:row>
          <xdr:rowOff>38100</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000-00000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7432" rIns="0" bIns="27432" anchor="ctr" upright="1"/>
            <a:lstStyle/>
            <a:p>
              <a:pPr algn="l" rtl="0">
                <a:defRPr sz="1000"/>
              </a:pPr>
              <a:r>
                <a:rPr lang="en-US" sz="800" b="0" i="0" u="none" strike="noStrike" baseline="0">
                  <a:solidFill>
                    <a:srgbClr val="000000"/>
                  </a:solidFill>
                  <a:latin typeface="Segoe UI"/>
                  <a:cs typeface="Segoe UI"/>
                </a:rPr>
                <a:t>Resignation</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080260</xdr:colOff>
          <xdr:row>3</xdr:row>
          <xdr:rowOff>30480</xdr:rowOff>
        </xdr:from>
        <xdr:to>
          <xdr:col>3</xdr:col>
          <xdr:colOff>266700</xdr:colOff>
          <xdr:row>4</xdr:row>
          <xdr:rowOff>38100</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000-00000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7432" rIns="0" bIns="27432" anchor="ctr" upright="1"/>
            <a:lstStyle/>
            <a:p>
              <a:pPr algn="l" rtl="0">
                <a:defRPr sz="1000"/>
              </a:pPr>
              <a:r>
                <a:rPr lang="en-US" sz="800" b="0" i="0" u="none" strike="noStrike" baseline="0">
                  <a:solidFill>
                    <a:srgbClr val="000000"/>
                  </a:solidFill>
                  <a:latin typeface="Segoe UI"/>
                  <a:cs typeface="Segoe UI"/>
                </a:rPr>
                <a:t>Retirement </a:t>
              </a:r>
            </a:p>
          </xdr:txBody>
        </xdr:sp>
        <xdr:clientData/>
      </xdr:twoCellAnchor>
    </mc:Choice>
    <mc:Fallback/>
  </mc:AlternateContent>
</xdr:wsDr>
</file>

<file path=xl/theme/theme1.xml><?xml version="1.0" encoding="utf-8"?>
<a:theme xmlns:a="http://schemas.openxmlformats.org/drawingml/2006/main" name="Office Theme">
  <a:themeElements>
    <a:clrScheme name="Median">
      <a:dk1>
        <a:sysClr val="windowText" lastClr="000000"/>
      </a:dk1>
      <a:lt1>
        <a:sysClr val="window" lastClr="FFFFFF"/>
      </a:lt1>
      <a:dk2>
        <a:srgbClr val="775F55"/>
      </a:dk2>
      <a:lt2>
        <a:srgbClr val="EBDDC3"/>
      </a:lt2>
      <a:accent1>
        <a:srgbClr val="94B6D2"/>
      </a:accent1>
      <a:accent2>
        <a:srgbClr val="DD8047"/>
      </a:accent2>
      <a:accent3>
        <a:srgbClr val="A5AB81"/>
      </a:accent3>
      <a:accent4>
        <a:srgbClr val="D8B25C"/>
      </a:accent4>
      <a:accent5>
        <a:srgbClr val="7BA79D"/>
      </a:accent5>
      <a:accent6>
        <a:srgbClr val="968C8C"/>
      </a:accent6>
      <a:hlink>
        <a:srgbClr val="F7B615"/>
      </a:hlink>
      <a:folHlink>
        <a:srgbClr val="704404"/>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4" tint="-0.499984740745262"/>
  </sheetPr>
  <dimension ref="A2:P77"/>
  <sheetViews>
    <sheetView showGridLines="0" tabSelected="1" zoomScale="89" zoomScaleNormal="89" workbookViewId="0">
      <pane ySplit="2" topLeftCell="A26" activePane="bottomLeft" state="frozen"/>
      <selection pane="bottomLeft" activeCell="B37" sqref="B37"/>
    </sheetView>
  </sheetViews>
  <sheetFormatPr defaultColWidth="11" defaultRowHeight="15.6" outlineLevelRow="2" x14ac:dyDescent="0.3"/>
  <cols>
    <col min="1" max="1" width="3" customWidth="1"/>
    <col min="2" max="2" width="94.8984375" customWidth="1"/>
    <col min="3" max="3" width="42.19921875" customWidth="1"/>
    <col min="4" max="4" width="16.59765625" style="1" customWidth="1"/>
    <col min="5" max="5" width="14.19921875" customWidth="1"/>
    <col min="6" max="7" width="3" customWidth="1"/>
  </cols>
  <sheetData>
    <row r="2" spans="1:16" ht="28.2" customHeight="1" x14ac:dyDescent="0.5">
      <c r="A2" s="38" t="s">
        <v>2</v>
      </c>
      <c r="B2" s="38"/>
      <c r="C2" s="38"/>
      <c r="D2" s="38"/>
      <c r="E2" s="38"/>
      <c r="F2" s="2"/>
      <c r="G2" s="2"/>
      <c r="H2" s="2"/>
      <c r="I2" s="3"/>
      <c r="J2" s="2"/>
      <c r="K2" s="2"/>
      <c r="L2" s="2"/>
      <c r="M2" s="2"/>
      <c r="N2" s="2"/>
      <c r="O2" s="2"/>
      <c r="P2" s="2"/>
    </row>
    <row r="3" spans="1:16" ht="28.2" customHeight="1" x14ac:dyDescent="0.5">
      <c r="A3" s="20"/>
      <c r="B3" s="23" t="s">
        <v>3</v>
      </c>
      <c r="C3" s="23" t="s">
        <v>4</v>
      </c>
      <c r="D3" s="20"/>
      <c r="E3" s="20"/>
      <c r="F3" s="2"/>
      <c r="G3" s="2"/>
      <c r="H3" s="2"/>
      <c r="I3" s="3"/>
      <c r="J3" s="2"/>
      <c r="K3" s="2"/>
      <c r="L3" s="2"/>
      <c r="M3" s="2"/>
      <c r="N3" s="2"/>
      <c r="O3" s="2"/>
      <c r="P3" s="2"/>
    </row>
    <row r="4" spans="1:16" ht="28.2" customHeight="1" x14ac:dyDescent="0.5">
      <c r="A4" s="20"/>
      <c r="B4" s="23" t="s">
        <v>5</v>
      </c>
      <c r="C4" s="23" t="s">
        <v>6</v>
      </c>
      <c r="D4" s="20"/>
      <c r="E4" s="20"/>
      <c r="F4" s="2"/>
      <c r="G4" s="2"/>
      <c r="H4" s="2"/>
      <c r="I4" s="3"/>
      <c r="J4" s="2"/>
      <c r="K4" s="2"/>
      <c r="L4" s="2"/>
      <c r="M4" s="2"/>
      <c r="N4" s="2"/>
      <c r="O4" s="2"/>
      <c r="P4" s="2"/>
    </row>
    <row r="5" spans="1:16" ht="28.2" customHeight="1" x14ac:dyDescent="0.5">
      <c r="A5" s="20"/>
      <c r="B5" s="23" t="s">
        <v>7</v>
      </c>
      <c r="C5" s="24"/>
      <c r="D5" s="20"/>
      <c r="E5" s="20"/>
      <c r="F5" s="2"/>
      <c r="G5" s="2"/>
      <c r="H5" s="2"/>
      <c r="I5" s="3"/>
      <c r="J5" s="2"/>
      <c r="K5" s="2"/>
      <c r="L5" s="2"/>
      <c r="M5" s="2"/>
      <c r="N5" s="2"/>
      <c r="O5" s="2"/>
      <c r="P5" s="2"/>
    </row>
    <row r="6" spans="1:16" ht="13.95" customHeight="1" thickBot="1" x14ac:dyDescent="0.6">
      <c r="B6" s="5"/>
      <c r="C6" s="5"/>
      <c r="D6" s="6"/>
      <c r="E6" s="6"/>
      <c r="F6" s="7"/>
    </row>
    <row r="7" spans="1:16" ht="18" customHeight="1" x14ac:dyDescent="0.3">
      <c r="B7" s="30" t="s">
        <v>8</v>
      </c>
      <c r="C7" s="31"/>
      <c r="D7" s="34" t="s">
        <v>9</v>
      </c>
      <c r="E7" s="36" t="s">
        <v>10</v>
      </c>
    </row>
    <row r="8" spans="1:16" ht="31.95" customHeight="1" x14ac:dyDescent="0.3">
      <c r="B8" s="32"/>
      <c r="C8" s="33"/>
      <c r="D8" s="35"/>
      <c r="E8" s="37"/>
    </row>
    <row r="9" spans="1:16" ht="18" customHeight="1" x14ac:dyDescent="0.3">
      <c r="B9" s="44"/>
      <c r="C9" s="43"/>
      <c r="D9" s="15"/>
      <c r="E9" s="16"/>
    </row>
    <row r="10" spans="1:16" ht="43.2" customHeight="1" outlineLevel="1" x14ac:dyDescent="0.3">
      <c r="B10" s="39" t="s">
        <v>12</v>
      </c>
      <c r="C10" s="40"/>
      <c r="D10" s="17"/>
      <c r="E10" s="10"/>
    </row>
    <row r="11" spans="1:16" ht="40.950000000000003" customHeight="1" outlineLevel="2" x14ac:dyDescent="0.3">
      <c r="B11" s="28" t="s">
        <v>16</v>
      </c>
      <c r="C11" s="29"/>
      <c r="D11" s="9" t="s">
        <v>12</v>
      </c>
      <c r="E11" s="8"/>
    </row>
    <row r="12" spans="1:16" ht="43.95" customHeight="1" outlineLevel="2" x14ac:dyDescent="0.3">
      <c r="B12" s="28" t="s">
        <v>17</v>
      </c>
      <c r="C12" s="29"/>
      <c r="D12" s="9" t="s">
        <v>12</v>
      </c>
      <c r="E12" s="8"/>
    </row>
    <row r="13" spans="1:16" ht="43.95" customHeight="1" outlineLevel="2" x14ac:dyDescent="0.3">
      <c r="B13" s="26" t="s">
        <v>14</v>
      </c>
      <c r="C13" s="27"/>
      <c r="D13" s="9" t="s">
        <v>12</v>
      </c>
      <c r="E13" s="8"/>
    </row>
    <row r="14" spans="1:16" ht="69.599999999999994" customHeight="1" outlineLevel="2" x14ac:dyDescent="0.3">
      <c r="B14" s="28" t="s">
        <v>13</v>
      </c>
      <c r="C14" s="29"/>
      <c r="D14" s="9" t="s">
        <v>12</v>
      </c>
      <c r="E14" s="8"/>
    </row>
    <row r="15" spans="1:16" ht="55.95" customHeight="1" outlineLevel="2" x14ac:dyDescent="0.3">
      <c r="B15" s="26" t="s">
        <v>15</v>
      </c>
      <c r="C15" s="27"/>
      <c r="D15" s="9" t="s">
        <v>12</v>
      </c>
      <c r="E15" s="8"/>
    </row>
    <row r="16" spans="1:16" ht="55.95" customHeight="1" outlineLevel="2" x14ac:dyDescent="0.3">
      <c r="B16" s="25" t="s">
        <v>21</v>
      </c>
      <c r="C16" s="45"/>
      <c r="D16" s="9" t="s">
        <v>12</v>
      </c>
      <c r="E16" s="8"/>
    </row>
    <row r="17" spans="2:5" ht="89.25" customHeight="1" outlineLevel="2" x14ac:dyDescent="0.3">
      <c r="B17" s="28" t="s">
        <v>22</v>
      </c>
      <c r="C17" s="29"/>
      <c r="D17" s="9" t="s">
        <v>12</v>
      </c>
      <c r="E17" s="8"/>
    </row>
    <row r="18" spans="2:5" ht="45.6" customHeight="1" outlineLevel="2" x14ac:dyDescent="0.3">
      <c r="B18" s="22" t="s">
        <v>23</v>
      </c>
      <c r="C18" s="13"/>
      <c r="D18" s="9" t="s">
        <v>12</v>
      </c>
      <c r="E18" s="8"/>
    </row>
    <row r="19" spans="2:5" ht="126" customHeight="1" outlineLevel="2" x14ac:dyDescent="0.3">
      <c r="B19" s="21" t="s">
        <v>24</v>
      </c>
      <c r="C19" s="14"/>
      <c r="D19" s="9" t="s">
        <v>12</v>
      </c>
      <c r="E19" s="8"/>
    </row>
    <row r="20" spans="2:5" ht="78.599999999999994" customHeight="1" outlineLevel="2" x14ac:dyDescent="0.3">
      <c r="B20" s="28" t="s">
        <v>25</v>
      </c>
      <c r="C20" s="29"/>
      <c r="D20" s="9" t="s">
        <v>12</v>
      </c>
      <c r="E20" s="8"/>
    </row>
    <row r="21" spans="2:5" ht="144.6" customHeight="1" outlineLevel="2" x14ac:dyDescent="0.3">
      <c r="B21" s="21" t="s">
        <v>26</v>
      </c>
      <c r="C21" s="14"/>
      <c r="D21" s="9" t="s">
        <v>12</v>
      </c>
      <c r="E21" s="8"/>
    </row>
    <row r="22" spans="2:5" ht="121.2" customHeight="1" outlineLevel="2" x14ac:dyDescent="0.3">
      <c r="B22" s="21" t="s">
        <v>27</v>
      </c>
      <c r="C22" s="13"/>
      <c r="D22" s="9" t="s">
        <v>12</v>
      </c>
      <c r="E22" s="8"/>
    </row>
    <row r="23" spans="2:5" ht="42.6" customHeight="1" outlineLevel="2" x14ac:dyDescent="0.3">
      <c r="B23" s="22" t="s">
        <v>28</v>
      </c>
      <c r="C23" s="13"/>
      <c r="D23" s="9" t="s">
        <v>12</v>
      </c>
      <c r="E23" s="8"/>
    </row>
    <row r="24" spans="2:5" ht="36" customHeight="1" outlineLevel="2" x14ac:dyDescent="0.3">
      <c r="B24" s="21" t="s">
        <v>29</v>
      </c>
      <c r="C24" s="13"/>
      <c r="D24" s="9" t="s">
        <v>12</v>
      </c>
      <c r="E24" s="8"/>
    </row>
    <row r="25" spans="2:5" ht="63" customHeight="1" outlineLevel="2" x14ac:dyDescent="0.3">
      <c r="B25" s="21" t="s">
        <v>30</v>
      </c>
      <c r="C25" s="13"/>
      <c r="D25" s="9" t="s">
        <v>12</v>
      </c>
      <c r="E25" s="8"/>
    </row>
    <row r="26" spans="2:5" ht="33.6" customHeight="1" outlineLevel="2" x14ac:dyDescent="0.3">
      <c r="B26" s="28" t="s">
        <v>31</v>
      </c>
      <c r="C26" s="29"/>
      <c r="D26" s="9" t="s">
        <v>12</v>
      </c>
      <c r="E26" s="8"/>
    </row>
    <row r="27" spans="2:5" ht="28.95" customHeight="1" outlineLevel="2" x14ac:dyDescent="0.3">
      <c r="B27" s="42" t="s">
        <v>0</v>
      </c>
      <c r="C27" s="43"/>
      <c r="D27" s="19"/>
      <c r="E27" s="16"/>
    </row>
    <row r="28" spans="2:5" ht="32.4" customHeight="1" outlineLevel="2" x14ac:dyDescent="0.3">
      <c r="B28" s="28" t="s">
        <v>32</v>
      </c>
      <c r="C28" s="29"/>
      <c r="D28" s="9" t="s">
        <v>11</v>
      </c>
      <c r="E28" s="8"/>
    </row>
    <row r="29" spans="2:5" ht="33.6" customHeight="1" outlineLevel="2" x14ac:dyDescent="0.3">
      <c r="B29" s="28" t="s">
        <v>33</v>
      </c>
      <c r="C29" s="29"/>
      <c r="D29" s="9" t="s">
        <v>11</v>
      </c>
      <c r="E29" s="8"/>
    </row>
    <row r="30" spans="2:5" ht="28.2" customHeight="1" outlineLevel="2" x14ac:dyDescent="0.3">
      <c r="B30" s="22" t="s">
        <v>34</v>
      </c>
      <c r="C30" s="13"/>
      <c r="D30" s="9" t="s">
        <v>11</v>
      </c>
      <c r="E30" s="8"/>
    </row>
    <row r="31" spans="2:5" ht="28.2" customHeight="1" outlineLevel="2" x14ac:dyDescent="0.3">
      <c r="B31" s="26" t="s">
        <v>35</v>
      </c>
      <c r="C31" s="27"/>
      <c r="D31" s="9" t="s">
        <v>11</v>
      </c>
      <c r="E31" s="8"/>
    </row>
    <row r="32" spans="2:5" ht="34.200000000000003" customHeight="1" outlineLevel="2" x14ac:dyDescent="0.3">
      <c r="B32" s="39" t="s">
        <v>18</v>
      </c>
      <c r="C32" s="40"/>
      <c r="D32" s="18"/>
      <c r="E32" s="10"/>
    </row>
    <row r="33" spans="2:5" ht="27.6" customHeight="1" outlineLevel="2" x14ac:dyDescent="0.3">
      <c r="B33" s="28" t="s">
        <v>36</v>
      </c>
      <c r="C33" s="29"/>
      <c r="D33" s="9" t="s">
        <v>20</v>
      </c>
      <c r="E33" s="8"/>
    </row>
    <row r="34" spans="2:5" ht="28.2" customHeight="1" outlineLevel="2" x14ac:dyDescent="0.3">
      <c r="B34" s="28" t="s">
        <v>37</v>
      </c>
      <c r="C34" s="29"/>
      <c r="D34" s="9" t="s">
        <v>20</v>
      </c>
      <c r="E34" s="8"/>
    </row>
    <row r="35" spans="2:5" ht="39.6" customHeight="1" outlineLevel="1" x14ac:dyDescent="0.3">
      <c r="B35" s="42" t="s">
        <v>19</v>
      </c>
      <c r="C35" s="43"/>
      <c r="D35" s="19"/>
      <c r="E35" s="16"/>
    </row>
    <row r="36" spans="2:5" ht="37.950000000000003" customHeight="1" outlineLevel="2" x14ac:dyDescent="0.3">
      <c r="B36" s="41" t="s">
        <v>38</v>
      </c>
      <c r="C36" s="29"/>
      <c r="D36" s="9" t="s">
        <v>19</v>
      </c>
      <c r="E36" s="8"/>
    </row>
    <row r="37" spans="2:5" ht="18" customHeight="1" outlineLevel="2" x14ac:dyDescent="0.3">
      <c r="D37"/>
    </row>
    <row r="38" spans="2:5" ht="18" customHeight="1" outlineLevel="2" x14ac:dyDescent="0.3">
      <c r="D38"/>
    </row>
    <row r="39" spans="2:5" ht="18" customHeight="1" outlineLevel="2" x14ac:dyDescent="0.3">
      <c r="D39"/>
    </row>
    <row r="40" spans="2:5" ht="18" customHeight="1" outlineLevel="1" x14ac:dyDescent="0.3">
      <c r="D40"/>
    </row>
    <row r="41" spans="2:5" ht="18" customHeight="1" outlineLevel="2" x14ac:dyDescent="0.3">
      <c r="D41"/>
    </row>
    <row r="42" spans="2:5" ht="18" customHeight="1" outlineLevel="2" x14ac:dyDescent="0.3">
      <c r="D42"/>
    </row>
    <row r="43" spans="2:5" ht="18" customHeight="1" outlineLevel="2" x14ac:dyDescent="0.3">
      <c r="D43"/>
    </row>
    <row r="44" spans="2:5" ht="18" customHeight="1" x14ac:dyDescent="0.3">
      <c r="D44"/>
    </row>
    <row r="45" spans="2:5" ht="18" customHeight="1" outlineLevel="1" x14ac:dyDescent="0.3">
      <c r="D45"/>
    </row>
    <row r="46" spans="2:5" ht="18" customHeight="1" outlineLevel="2" x14ac:dyDescent="0.3">
      <c r="D46"/>
    </row>
    <row r="47" spans="2:5" ht="18" customHeight="1" outlineLevel="2" x14ac:dyDescent="0.3">
      <c r="D47"/>
    </row>
    <row r="48" spans="2:5" ht="18" customHeight="1" outlineLevel="2" x14ac:dyDescent="0.3">
      <c r="D48"/>
    </row>
    <row r="49" spans="2:4" ht="18" customHeight="1" outlineLevel="2" x14ac:dyDescent="0.3">
      <c r="B49" s="1"/>
      <c r="D49"/>
    </row>
    <row r="50" spans="2:4" ht="18" customHeight="1" outlineLevel="2" x14ac:dyDescent="0.3">
      <c r="D50"/>
    </row>
    <row r="51" spans="2:4" ht="18" customHeight="1" outlineLevel="1" x14ac:dyDescent="0.3">
      <c r="B51" s="1"/>
      <c r="D51"/>
    </row>
    <row r="52" spans="2:4" ht="18" customHeight="1" outlineLevel="2" x14ac:dyDescent="0.3"/>
    <row r="53" spans="2:4" ht="18" customHeight="1" outlineLevel="2" x14ac:dyDescent="0.3"/>
    <row r="54" spans="2:4" ht="18" customHeight="1" outlineLevel="2" x14ac:dyDescent="0.3"/>
    <row r="55" spans="2:4" ht="18" customHeight="1" x14ac:dyDescent="0.3"/>
    <row r="56" spans="2:4" ht="18" customHeight="1" outlineLevel="1" x14ac:dyDescent="0.3"/>
    <row r="57" spans="2:4" ht="18" customHeight="1" outlineLevel="2" x14ac:dyDescent="0.3"/>
    <row r="58" spans="2:4" ht="18" customHeight="1" outlineLevel="2" x14ac:dyDescent="0.3"/>
    <row r="59" spans="2:4" ht="18" customHeight="1" outlineLevel="2" x14ac:dyDescent="0.3"/>
    <row r="60" spans="2:4" ht="18" customHeight="1" outlineLevel="2" x14ac:dyDescent="0.3"/>
    <row r="61" spans="2:4" ht="18" customHeight="1" outlineLevel="1" x14ac:dyDescent="0.3"/>
    <row r="62" spans="2:4" ht="18" customHeight="1" outlineLevel="2" x14ac:dyDescent="0.3"/>
    <row r="63" spans="2:4" ht="18" customHeight="1" outlineLevel="2" x14ac:dyDescent="0.3"/>
    <row r="64" spans="2:4" ht="18" customHeight="1" outlineLevel="2" x14ac:dyDescent="0.3"/>
    <row r="65" spans="2:5" ht="18" customHeight="1" x14ac:dyDescent="0.3"/>
    <row r="66" spans="2:5" ht="18" customHeight="1" outlineLevel="1" x14ac:dyDescent="0.3"/>
    <row r="67" spans="2:5" ht="18" customHeight="1" outlineLevel="2" x14ac:dyDescent="0.3"/>
    <row r="68" spans="2:5" ht="18" customHeight="1" outlineLevel="2" x14ac:dyDescent="0.3"/>
    <row r="69" spans="2:5" ht="18" customHeight="1" outlineLevel="2" x14ac:dyDescent="0.3"/>
    <row r="70" spans="2:5" ht="18" customHeight="1" outlineLevel="2" x14ac:dyDescent="0.3"/>
    <row r="71" spans="2:5" ht="18" customHeight="1" outlineLevel="2" x14ac:dyDescent="0.3"/>
    <row r="72" spans="2:5" ht="18" customHeight="1" outlineLevel="1" x14ac:dyDescent="0.3"/>
    <row r="73" spans="2:5" ht="18" customHeight="1" outlineLevel="2" x14ac:dyDescent="0.3"/>
    <row r="74" spans="2:5" ht="18" customHeight="1" outlineLevel="2" x14ac:dyDescent="0.3"/>
    <row r="75" spans="2:5" ht="18" customHeight="1" outlineLevel="2" x14ac:dyDescent="0.3"/>
    <row r="77" spans="2:5" s="4" customFormat="1" ht="49.95" customHeight="1" x14ac:dyDescent="0.35">
      <c r="B77"/>
      <c r="C77"/>
      <c r="D77" s="1"/>
      <c r="E77"/>
    </row>
  </sheetData>
  <mergeCells count="23">
    <mergeCell ref="A2:E2"/>
    <mergeCell ref="B31:C31"/>
    <mergeCell ref="B10:C10"/>
    <mergeCell ref="B26:C26"/>
    <mergeCell ref="B36:C36"/>
    <mergeCell ref="B35:C35"/>
    <mergeCell ref="B27:C27"/>
    <mergeCell ref="B28:C28"/>
    <mergeCell ref="B29:C29"/>
    <mergeCell ref="B13:C13"/>
    <mergeCell ref="B33:C33"/>
    <mergeCell ref="B34:C34"/>
    <mergeCell ref="B32:C32"/>
    <mergeCell ref="B9:C9"/>
    <mergeCell ref="B20:C20"/>
    <mergeCell ref="B14:C14"/>
    <mergeCell ref="B15:C15"/>
    <mergeCell ref="B17:C17"/>
    <mergeCell ref="B7:C8"/>
    <mergeCell ref="D7:D8"/>
    <mergeCell ref="E7:E8"/>
    <mergeCell ref="B11:C11"/>
    <mergeCell ref="B12:C12"/>
  </mergeCells>
  <dataValidations count="1">
    <dataValidation type="list" allowBlank="1" showInputMessage="1" showErrorMessage="1" sqref="E9:E36" xr:uid="{00000000-0002-0000-0000-000000000000}">
      <formula1>#REF!</formula1>
    </dataValidation>
  </dataValidations>
  <pageMargins left="0.75" right="0.75" top="1" bottom="1" header="0.5" footer="0.5"/>
  <pageSetup scale="48"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2</xdr:col>
                    <xdr:colOff>1089660</xdr:colOff>
                    <xdr:row>3</xdr:row>
                    <xdr:rowOff>30480</xdr:rowOff>
                  </from>
                  <to>
                    <xdr:col>2</xdr:col>
                    <xdr:colOff>2499360</xdr:colOff>
                    <xdr:row>4</xdr:row>
                    <xdr:rowOff>3810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2</xdr:col>
                    <xdr:colOff>2080260</xdr:colOff>
                    <xdr:row>3</xdr:row>
                    <xdr:rowOff>30480</xdr:rowOff>
                  </from>
                  <to>
                    <xdr:col>3</xdr:col>
                    <xdr:colOff>266700</xdr:colOff>
                    <xdr:row>4</xdr:row>
                    <xdr:rowOff>3810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B2"/>
  <sheetViews>
    <sheetView showGridLines="0" workbookViewId="0">
      <selection activeCell="M33" sqref="M33"/>
    </sheetView>
  </sheetViews>
  <sheetFormatPr defaultColWidth="10.69921875" defaultRowHeight="14.4" x14ac:dyDescent="0.3"/>
  <cols>
    <col min="1" max="1" width="3.19921875" style="12" customWidth="1"/>
    <col min="2" max="2" width="88.19921875" style="12" customWidth="1"/>
    <col min="3" max="16384" width="10.69921875" style="12"/>
  </cols>
  <sheetData>
    <row r="2" spans="2:2" ht="90" x14ac:dyDescent="0.3">
      <c r="B2" s="11" t="s">
        <v>1</v>
      </c>
    </row>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2</vt:i4>
      </vt:variant>
    </vt:vector>
  </HeadingPairs>
  <TitlesOfParts>
    <vt:vector size="2" baseType="lpstr">
      <vt:lpstr>ResignationRetirement-Checklist</vt:lpstr>
      <vt:lpstr>- Disclaimer -</vt:lpstr>
    </vt:vector>
  </TitlesOfParts>
  <Company>Smartsheet</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tephanie</dc:creator>
  <cp:lastModifiedBy>Zedd Whitaker</cp:lastModifiedBy>
  <dcterms:created xsi:type="dcterms:W3CDTF">2015-10-30T20:56:14Z</dcterms:created>
  <dcterms:modified xsi:type="dcterms:W3CDTF">2023-03-21T16:18:55Z</dcterms:modified>
</cp:coreProperties>
</file>